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5623653\Desktop\財務諸表HP\任意事業\"/>
    </mc:Choice>
  </mc:AlternateContent>
  <bookViews>
    <workbookView xWindow="0" yWindow="0" windowWidth="20490" windowHeight="7770" tabRatio="855"/>
  </bookViews>
  <sheets>
    <sheet name="注記" sheetId="53" r:id="rId1"/>
    <sheet name="有形固定資産等明細表" sheetId="52" r:id="rId2"/>
  </sheets>
  <externalReferences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52511"/>
</workbook>
</file>

<file path=xl/sharedStrings.xml><?xml version="1.0" encoding="utf-8"?>
<sst xmlns="http://schemas.openxmlformats.org/spreadsheetml/2006/main" count="51" uniqueCount="43"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（単位：円）</t>
    <phoneticPr fontId="2"/>
  </si>
  <si>
    <t>区分</t>
    <phoneticPr fontId="2"/>
  </si>
  <si>
    <t>当年度償却額</t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合　　　　計</t>
    <phoneticPr fontId="2"/>
  </si>
  <si>
    <t>有 形 固 定 資 産 等 明 細 表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一般会計</t>
  </si>
  <si>
    <t>住吉区役所</t>
  </si>
  <si>
    <t>住吉区民センター管理運営事業</t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4"/>
  </si>
  <si>
    <t>当該事項はありません。</t>
    <rPh sb="0" eb="2">
      <t>トウガイ</t>
    </rPh>
    <rPh sb="2" eb="4">
      <t>ジコウ</t>
    </rPh>
    <phoneticPr fontId="3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4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42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 applyFill="1">
      <alignment vertical="center"/>
    </xf>
    <xf numFmtId="0" fontId="26" fillId="0" borderId="0" xfId="46" applyFont="1" applyAlignment="1">
      <alignment horizontal="right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14" xfId="46" applyFont="1" applyBorder="1" applyAlignment="1">
      <alignment horizontal="center" vertical="center"/>
    </xf>
    <xf numFmtId="0" fontId="26" fillId="0" borderId="18" xfId="46" applyFont="1" applyBorder="1" applyAlignment="1">
      <alignment horizontal="center" vertical="center"/>
    </xf>
    <xf numFmtId="0" fontId="26" fillId="0" borderId="19" xfId="46" applyFont="1" applyBorder="1" applyAlignment="1">
      <alignment vertical="center"/>
    </xf>
    <xf numFmtId="0" fontId="26" fillId="0" borderId="1" xfId="46" applyFont="1" applyBorder="1" applyAlignment="1">
      <alignment vertical="center"/>
    </xf>
    <xf numFmtId="0" fontId="26" fillId="0" borderId="20" xfId="46" applyFont="1" applyBorder="1" applyAlignment="1">
      <alignment vertical="center"/>
    </xf>
    <xf numFmtId="0" fontId="26" fillId="0" borderId="19" xfId="46" applyFont="1" applyFill="1" applyBorder="1" applyAlignment="1">
      <alignment vertical="center"/>
    </xf>
    <xf numFmtId="0" fontId="26" fillId="0" borderId="1" xfId="46" applyFont="1" applyFill="1" applyBorder="1" applyAlignment="1">
      <alignment vertical="center"/>
    </xf>
    <xf numFmtId="0" fontId="26" fillId="0" borderId="20" xfId="46" applyFont="1" applyFill="1" applyBorder="1" applyAlignment="1">
      <alignment vertical="center"/>
    </xf>
    <xf numFmtId="0" fontId="29" fillId="0" borderId="0" xfId="55" applyFont="1" applyFill="1" applyAlignment="1">
      <alignment horizontal="left" vertical="center"/>
    </xf>
    <xf numFmtId="176" fontId="30" fillId="0" borderId="21" xfId="46" applyNumberFormat="1" applyFont="1" applyBorder="1">
      <alignment vertical="center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5" fillId="0" borderId="0" xfId="46" applyFont="1" applyAlignment="1">
      <alignment horizontal="center" vertical="center"/>
    </xf>
    <xf numFmtId="0" fontId="28" fillId="0" borderId="0" xfId="46" applyFont="1" applyAlignment="1">
      <alignment horizontal="center" vertical="center"/>
    </xf>
    <xf numFmtId="0" fontId="31" fillId="0" borderId="0" xfId="46" applyFont="1" applyFill="1">
      <alignment vertical="center"/>
    </xf>
    <xf numFmtId="0" fontId="32" fillId="0" borderId="0" xfId="55" applyFont="1" applyFill="1" applyAlignment="1">
      <alignment horizontal="left" vertical="center"/>
    </xf>
    <xf numFmtId="0" fontId="33" fillId="0" borderId="0" xfId="58" applyFont="1" applyAlignment="1">
      <alignment horizontal="center" vertical="center"/>
    </xf>
    <xf numFmtId="0" fontId="35" fillId="0" borderId="0" xfId="58" applyFont="1">
      <alignment vertical="center"/>
    </xf>
    <xf numFmtId="0" fontId="36" fillId="0" borderId="0" xfId="58" applyFont="1">
      <alignment vertical="center"/>
    </xf>
    <xf numFmtId="0" fontId="37" fillId="0" borderId="0" xfId="58" applyFont="1">
      <alignment vertical="center"/>
    </xf>
    <xf numFmtId="0" fontId="37" fillId="0" borderId="0" xfId="58" applyFont="1" applyBorder="1" applyAlignment="1">
      <alignment vertical="top" wrapText="1"/>
    </xf>
    <xf numFmtId="0" fontId="37" fillId="0" borderId="0" xfId="58" applyFont="1" applyBorder="1" applyAlignment="1">
      <alignment horizontal="left" vertical="top" wrapText="1"/>
    </xf>
    <xf numFmtId="0" fontId="37" fillId="0" borderId="0" xfId="58" applyFont="1" applyBorder="1" applyAlignment="1">
      <alignment horizontal="left" vertical="top" wrapText="1"/>
    </xf>
    <xf numFmtId="0" fontId="37" fillId="0" borderId="0" xfId="58" applyFont="1" applyBorder="1" applyAlignment="1">
      <alignment horizontal="left" vertical="top"/>
    </xf>
    <xf numFmtId="0" fontId="37" fillId="0" borderId="0" xfId="58" applyFont="1" applyBorder="1" applyAlignment="1">
      <alignment vertical="center" wrapText="1"/>
    </xf>
    <xf numFmtId="0" fontId="37" fillId="0" borderId="0" xfId="58" applyFont="1" applyBorder="1">
      <alignment vertical="center"/>
    </xf>
    <xf numFmtId="0" fontId="38" fillId="0" borderId="0" xfId="58" applyFont="1">
      <alignment vertical="center"/>
    </xf>
    <xf numFmtId="0" fontId="39" fillId="0" borderId="0" xfId="58" applyFont="1">
      <alignment vertical="center"/>
    </xf>
    <xf numFmtId="0" fontId="40" fillId="0" borderId="0" xfId="58" applyFont="1">
      <alignment vertical="center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13" Type="http://schemas.openxmlformats.org/officeDocument/2006/relationships/customXml" Target="../customXml/item2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3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theme" Target="theme/theme1.xml"/><Relationship Id="rId14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zoomScale="50" zoomScaleNormal="50" zoomScaleSheetLayoutView="50" workbookViewId="0">
      <selection activeCell="B1" sqref="B1"/>
    </sheetView>
  </sheetViews>
  <sheetFormatPr defaultRowHeight="13.5"/>
  <cols>
    <col min="1" max="1" width="4" style="41" customWidth="1"/>
    <col min="2" max="2" width="54.125" style="30" customWidth="1"/>
    <col min="3" max="3" width="60.5" style="30" customWidth="1"/>
    <col min="4" max="4" width="52.75" style="30" customWidth="1"/>
    <col min="5" max="16384" width="9" style="30"/>
  </cols>
  <sheetData>
    <row r="1" spans="1:4" s="27" customFormat="1" ht="22.5" customHeight="1">
      <c r="B1" s="28" t="s">
        <v>38</v>
      </c>
    </row>
    <row r="2" spans="1:4" s="27" customFormat="1" ht="22.5" customHeight="1">
      <c r="B2" s="28" t="s">
        <v>39</v>
      </c>
    </row>
    <row r="3" spans="1:4" s="27" customFormat="1" ht="22.5" customHeight="1">
      <c r="B3" s="28" t="s">
        <v>40</v>
      </c>
    </row>
    <row r="4" spans="1:4" ht="122.25" customHeight="1">
      <c r="A4" s="29" t="s">
        <v>41</v>
      </c>
      <c r="B4" s="29"/>
      <c r="C4" s="29"/>
      <c r="D4" s="29"/>
    </row>
    <row r="5" spans="1:4" s="32" customFormat="1" ht="36" customHeight="1">
      <c r="A5" s="31"/>
    </row>
    <row r="6" spans="1:4" s="32" customFormat="1" ht="36" customHeight="1">
      <c r="A6" s="31"/>
      <c r="B6" s="32" t="s">
        <v>42</v>
      </c>
    </row>
    <row r="7" spans="1:4" s="32" customFormat="1" ht="36" customHeight="1">
      <c r="A7" s="31"/>
      <c r="B7" s="33"/>
      <c r="C7" s="34"/>
      <c r="D7" s="34"/>
    </row>
    <row r="8" spans="1:4" s="32" customFormat="1" ht="36" customHeight="1">
      <c r="A8" s="31"/>
      <c r="B8" s="33"/>
      <c r="C8" s="34"/>
      <c r="D8" s="34"/>
    </row>
    <row r="9" spans="1:4" s="32" customFormat="1" ht="36" customHeight="1">
      <c r="A9" s="31"/>
      <c r="B9" s="35"/>
      <c r="C9" s="34"/>
      <c r="D9" s="34"/>
    </row>
    <row r="10" spans="1:4" s="32" customFormat="1" ht="36" customHeight="1">
      <c r="A10" s="31"/>
      <c r="B10" s="33"/>
      <c r="C10" s="34"/>
      <c r="D10" s="34"/>
    </row>
    <row r="11" spans="1:4" s="32" customFormat="1" ht="36" customHeight="1">
      <c r="A11" s="31"/>
      <c r="B11" s="33"/>
      <c r="C11" s="36"/>
      <c r="D11" s="36"/>
    </row>
    <row r="12" spans="1:4" s="32" customFormat="1" ht="36" customHeight="1">
      <c r="A12" s="31"/>
      <c r="B12" s="33"/>
      <c r="C12" s="34"/>
      <c r="D12" s="34"/>
    </row>
    <row r="13" spans="1:4" s="32" customFormat="1" ht="36" customHeight="1">
      <c r="A13" s="31"/>
      <c r="B13" s="37"/>
      <c r="C13" s="37"/>
      <c r="D13" s="38"/>
    </row>
    <row r="14" spans="1:4" s="32" customFormat="1" ht="36" customHeight="1">
      <c r="A14" s="31"/>
      <c r="B14" s="38"/>
      <c r="C14" s="38"/>
      <c r="D14" s="38"/>
    </row>
    <row r="15" spans="1:4" s="32" customFormat="1" ht="36" customHeight="1">
      <c r="A15" s="31"/>
      <c r="B15" s="38"/>
      <c r="C15" s="38"/>
      <c r="D15" s="38"/>
    </row>
    <row r="16" spans="1:4" s="32" customFormat="1" ht="36" customHeight="1">
      <c r="A16" s="31"/>
      <c r="B16" s="38"/>
      <c r="C16" s="38"/>
      <c r="D16" s="38"/>
    </row>
    <row r="17" spans="1:4" s="32" customFormat="1" ht="36" customHeight="1">
      <c r="A17" s="31"/>
      <c r="B17" s="38"/>
      <c r="C17" s="38"/>
      <c r="D17" s="38"/>
    </row>
    <row r="18" spans="1:4" s="32" customFormat="1" ht="36" customHeight="1">
      <c r="A18" s="31"/>
      <c r="B18" s="38"/>
      <c r="C18" s="38"/>
      <c r="D18" s="38"/>
    </row>
    <row r="19" spans="1:4" s="32" customFormat="1" ht="36" customHeight="1">
      <c r="A19" s="31"/>
      <c r="B19" s="38"/>
      <c r="C19" s="38"/>
      <c r="D19" s="38"/>
    </row>
    <row r="20" spans="1:4" s="32" customFormat="1" ht="36" customHeight="1">
      <c r="A20" s="31"/>
    </row>
    <row r="21" spans="1:4" s="32" customFormat="1" ht="36" customHeight="1">
      <c r="A21" s="31"/>
    </row>
    <row r="22" spans="1:4" s="32" customFormat="1" ht="36" customHeight="1">
      <c r="A22" s="31"/>
    </row>
    <row r="23" spans="1:4" s="32" customFormat="1" ht="36" customHeight="1">
      <c r="A23" s="31"/>
    </row>
    <row r="24" spans="1:4" s="32" customFormat="1" ht="36" customHeight="1">
      <c r="A24" s="31"/>
    </row>
    <row r="25" spans="1:4" s="32" customFormat="1" ht="36" customHeight="1">
      <c r="A25" s="31"/>
    </row>
    <row r="26" spans="1:4" s="32" customFormat="1" ht="36" customHeight="1">
      <c r="A26" s="31"/>
    </row>
    <row r="27" spans="1:4" s="32" customFormat="1" ht="36" customHeight="1">
      <c r="A27" s="31"/>
    </row>
    <row r="28" spans="1:4" s="32" customFormat="1" ht="36" customHeight="1">
      <c r="A28" s="31"/>
    </row>
    <row r="29" spans="1:4" s="32" customFormat="1" ht="36" customHeight="1">
      <c r="A29" s="31"/>
    </row>
    <row r="30" spans="1:4" s="32" customFormat="1" ht="36" customHeight="1">
      <c r="A30" s="31"/>
    </row>
    <row r="31" spans="1:4" s="32" customFormat="1" ht="36" customHeight="1">
      <c r="A31" s="31"/>
    </row>
    <row r="32" spans="1:4" s="32" customFormat="1" ht="36" customHeight="1">
      <c r="A32" s="31"/>
    </row>
    <row r="33" spans="1:1" s="32" customFormat="1" ht="36" customHeight="1">
      <c r="A33" s="31"/>
    </row>
    <row r="34" spans="1:1" s="32" customFormat="1" ht="36" customHeight="1">
      <c r="A34" s="31"/>
    </row>
    <row r="35" spans="1:1" s="32" customFormat="1" ht="36" customHeight="1">
      <c r="A35" s="31"/>
    </row>
    <row r="36" spans="1:1" s="32" customFormat="1" ht="36" customHeight="1">
      <c r="A36" s="31"/>
    </row>
    <row r="37" spans="1:1" s="32" customFormat="1" ht="36" customHeight="1">
      <c r="A37" s="31"/>
    </row>
    <row r="38" spans="1:1" s="32" customFormat="1" ht="36" customHeight="1">
      <c r="A38" s="31"/>
    </row>
    <row r="39" spans="1:1" s="32" customFormat="1" ht="36" customHeight="1">
      <c r="A39" s="31"/>
    </row>
    <row r="40" spans="1:1" s="32" customFormat="1" ht="36" customHeight="1">
      <c r="A40" s="31"/>
    </row>
    <row r="41" spans="1:1" s="40" customFormat="1" ht="36" customHeight="1">
      <c r="A41" s="39"/>
    </row>
    <row r="42" spans="1:1" s="40" customFormat="1" ht="36" customHeight="1">
      <c r="A42" s="39"/>
    </row>
    <row r="43" spans="1:1" s="40" customFormat="1" ht="36" customHeight="1">
      <c r="A43" s="39"/>
    </row>
    <row r="44" spans="1:1" s="40" customFormat="1" ht="36" customHeight="1">
      <c r="A44" s="39"/>
    </row>
    <row r="45" spans="1:1" s="40" customFormat="1" ht="36" customHeight="1">
      <c r="A45" s="39"/>
    </row>
    <row r="46" spans="1:1" s="40" customFormat="1" ht="36" customHeight="1">
      <c r="A46" s="39"/>
    </row>
    <row r="47" spans="1:1" s="40" customFormat="1" ht="36" customHeight="1">
      <c r="A47" s="39"/>
    </row>
    <row r="48" spans="1:1" s="40" customFormat="1" ht="36" customHeight="1">
      <c r="A48" s="39"/>
    </row>
    <row r="49" spans="1:1" s="40" customFormat="1" ht="36" customHeight="1">
      <c r="A49" s="39"/>
    </row>
    <row r="50" spans="1:1" s="40" customFormat="1" ht="36" customHeight="1">
      <c r="A50" s="39"/>
    </row>
    <row r="51" spans="1:1" s="40" customFormat="1" ht="36" customHeight="1">
      <c r="A51" s="39"/>
    </row>
    <row r="52" spans="1:1" s="40" customFormat="1" ht="36" customHeight="1">
      <c r="A52" s="39"/>
    </row>
    <row r="53" spans="1:1" s="40" customFormat="1" ht="36" customHeight="1">
      <c r="A53" s="39"/>
    </row>
    <row r="54" spans="1:1" s="40" customFormat="1" ht="36" customHeight="1">
      <c r="A54" s="39"/>
    </row>
    <row r="55" spans="1:1" s="40" customFormat="1" ht="36" customHeight="1">
      <c r="A55" s="39"/>
    </row>
    <row r="56" spans="1:1" s="40" customFormat="1" ht="36" customHeight="1">
      <c r="A56" s="39"/>
    </row>
    <row r="57" spans="1:1" s="40" customFormat="1" ht="24">
      <c r="A57" s="39"/>
    </row>
    <row r="58" spans="1:1" s="40" customFormat="1" ht="24">
      <c r="A58" s="39"/>
    </row>
    <row r="59" spans="1:1" s="40" customFormat="1" ht="24">
      <c r="A59" s="39"/>
    </row>
    <row r="60" spans="1:1" s="40" customFormat="1" ht="24">
      <c r="A60" s="39"/>
    </row>
    <row r="61" spans="1:1" s="40" customFormat="1" ht="24">
      <c r="A61" s="39"/>
    </row>
    <row r="62" spans="1:1" s="40" customFormat="1" ht="24">
      <c r="A62" s="39"/>
    </row>
    <row r="63" spans="1:1" s="40" customFormat="1" ht="24">
      <c r="A63" s="39"/>
    </row>
    <row r="64" spans="1:1" s="40" customFormat="1" ht="24">
      <c r="A64" s="39"/>
    </row>
    <row r="65" spans="1:1" s="40" customFormat="1" ht="24">
      <c r="A65" s="39"/>
    </row>
    <row r="66" spans="1:1" s="40" customFormat="1" ht="24">
      <c r="A66" s="39"/>
    </row>
    <row r="67" spans="1:1" s="40" customFormat="1" ht="24">
      <c r="A67" s="39"/>
    </row>
    <row r="68" spans="1:1" s="40" customFormat="1" ht="24">
      <c r="A68" s="39"/>
    </row>
    <row r="69" spans="1:1" s="40" customFormat="1" ht="24">
      <c r="A69" s="39"/>
    </row>
    <row r="70" spans="1:1" s="40" customFormat="1" ht="24">
      <c r="A70" s="39"/>
    </row>
    <row r="71" spans="1:1" s="40" customFormat="1" ht="24">
      <c r="A71" s="39"/>
    </row>
    <row r="72" spans="1:1" s="40" customFormat="1" ht="24">
      <c r="A72" s="39"/>
    </row>
    <row r="73" spans="1:1" s="40" customFormat="1" ht="24">
      <c r="A73" s="39"/>
    </row>
    <row r="74" spans="1:1" s="40" customFormat="1" ht="24">
      <c r="A74" s="39"/>
    </row>
    <row r="75" spans="1:1" s="40" customFormat="1" ht="24">
      <c r="A75" s="39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7"/>
  <sheetViews>
    <sheetView showGridLines="0" view="pageBreakPreview" zoomScale="55" zoomScaleNormal="55" zoomScaleSheetLayoutView="55" workbookViewId="0">
      <selection activeCell="B1" sqref="B1"/>
    </sheetView>
  </sheetViews>
  <sheetFormatPr defaultColWidth="8.875" defaultRowHeight="18.75"/>
  <cols>
    <col min="1" max="1" width="2.625" style="1" customWidth="1"/>
    <col min="2" max="6" width="2.125" style="1" customWidth="1"/>
    <col min="7" max="7" width="2.625" style="1" customWidth="1"/>
    <col min="8" max="8" width="24.125" style="1" customWidth="1"/>
    <col min="9" max="12" width="26.25" style="1" customWidth="1"/>
    <col min="13" max="13" width="37.375" style="1" bestFit="1" customWidth="1"/>
    <col min="14" max="15" width="26.25" style="1" customWidth="1"/>
    <col min="16" max="16" width="2.625" style="1" customWidth="1"/>
    <col min="17" max="256" width="8.875" style="1"/>
    <col min="257" max="257" width="2.625" style="1" customWidth="1"/>
    <col min="258" max="262" width="2.125" style="1" customWidth="1"/>
    <col min="263" max="263" width="2.625" style="1" customWidth="1"/>
    <col min="264" max="264" width="10.625" style="1" customWidth="1"/>
    <col min="265" max="268" width="21.625" style="1" customWidth="1"/>
    <col min="269" max="269" width="22.625" style="1" customWidth="1"/>
    <col min="270" max="271" width="21.625" style="1" customWidth="1"/>
    <col min="272" max="512" width="8.875" style="1"/>
    <col min="513" max="513" width="2.625" style="1" customWidth="1"/>
    <col min="514" max="518" width="2.125" style="1" customWidth="1"/>
    <col min="519" max="519" width="2.625" style="1" customWidth="1"/>
    <col min="520" max="520" width="10.625" style="1" customWidth="1"/>
    <col min="521" max="524" width="21.625" style="1" customWidth="1"/>
    <col min="525" max="525" width="22.625" style="1" customWidth="1"/>
    <col min="526" max="527" width="21.625" style="1" customWidth="1"/>
    <col min="528" max="768" width="8.875" style="1"/>
    <col min="769" max="769" width="2.625" style="1" customWidth="1"/>
    <col min="770" max="774" width="2.125" style="1" customWidth="1"/>
    <col min="775" max="775" width="2.625" style="1" customWidth="1"/>
    <col min="776" max="776" width="10.625" style="1" customWidth="1"/>
    <col min="777" max="780" width="21.625" style="1" customWidth="1"/>
    <col min="781" max="781" width="22.625" style="1" customWidth="1"/>
    <col min="782" max="783" width="21.625" style="1" customWidth="1"/>
    <col min="784" max="1024" width="8.875" style="1"/>
    <col min="1025" max="1025" width="2.625" style="1" customWidth="1"/>
    <col min="1026" max="1030" width="2.125" style="1" customWidth="1"/>
    <col min="1031" max="1031" width="2.625" style="1" customWidth="1"/>
    <col min="1032" max="1032" width="10.625" style="1" customWidth="1"/>
    <col min="1033" max="1036" width="21.625" style="1" customWidth="1"/>
    <col min="1037" max="1037" width="22.625" style="1" customWidth="1"/>
    <col min="1038" max="1039" width="21.625" style="1" customWidth="1"/>
    <col min="1040" max="1280" width="8.875" style="1"/>
    <col min="1281" max="1281" width="2.625" style="1" customWidth="1"/>
    <col min="1282" max="1286" width="2.125" style="1" customWidth="1"/>
    <col min="1287" max="1287" width="2.625" style="1" customWidth="1"/>
    <col min="1288" max="1288" width="10.625" style="1" customWidth="1"/>
    <col min="1289" max="1292" width="21.625" style="1" customWidth="1"/>
    <col min="1293" max="1293" width="22.625" style="1" customWidth="1"/>
    <col min="1294" max="1295" width="21.625" style="1" customWidth="1"/>
    <col min="1296" max="1536" width="8.875" style="1"/>
    <col min="1537" max="1537" width="2.625" style="1" customWidth="1"/>
    <col min="1538" max="1542" width="2.125" style="1" customWidth="1"/>
    <col min="1543" max="1543" width="2.625" style="1" customWidth="1"/>
    <col min="1544" max="1544" width="10.625" style="1" customWidth="1"/>
    <col min="1545" max="1548" width="21.625" style="1" customWidth="1"/>
    <col min="1549" max="1549" width="22.625" style="1" customWidth="1"/>
    <col min="1550" max="1551" width="21.625" style="1" customWidth="1"/>
    <col min="1552" max="1792" width="8.875" style="1"/>
    <col min="1793" max="1793" width="2.625" style="1" customWidth="1"/>
    <col min="1794" max="1798" width="2.125" style="1" customWidth="1"/>
    <col min="1799" max="1799" width="2.625" style="1" customWidth="1"/>
    <col min="1800" max="1800" width="10.625" style="1" customWidth="1"/>
    <col min="1801" max="1804" width="21.625" style="1" customWidth="1"/>
    <col min="1805" max="1805" width="22.625" style="1" customWidth="1"/>
    <col min="1806" max="1807" width="21.625" style="1" customWidth="1"/>
    <col min="1808" max="2048" width="8.875" style="1"/>
    <col min="2049" max="2049" width="2.625" style="1" customWidth="1"/>
    <col min="2050" max="2054" width="2.125" style="1" customWidth="1"/>
    <col min="2055" max="2055" width="2.625" style="1" customWidth="1"/>
    <col min="2056" max="2056" width="10.625" style="1" customWidth="1"/>
    <col min="2057" max="2060" width="21.625" style="1" customWidth="1"/>
    <col min="2061" max="2061" width="22.625" style="1" customWidth="1"/>
    <col min="2062" max="2063" width="21.625" style="1" customWidth="1"/>
    <col min="2064" max="2304" width="8.875" style="1"/>
    <col min="2305" max="2305" width="2.625" style="1" customWidth="1"/>
    <col min="2306" max="2310" width="2.125" style="1" customWidth="1"/>
    <col min="2311" max="2311" width="2.625" style="1" customWidth="1"/>
    <col min="2312" max="2312" width="10.625" style="1" customWidth="1"/>
    <col min="2313" max="2316" width="21.625" style="1" customWidth="1"/>
    <col min="2317" max="2317" width="22.625" style="1" customWidth="1"/>
    <col min="2318" max="2319" width="21.625" style="1" customWidth="1"/>
    <col min="2320" max="2560" width="8.875" style="1"/>
    <col min="2561" max="2561" width="2.625" style="1" customWidth="1"/>
    <col min="2562" max="2566" width="2.125" style="1" customWidth="1"/>
    <col min="2567" max="2567" width="2.625" style="1" customWidth="1"/>
    <col min="2568" max="2568" width="10.625" style="1" customWidth="1"/>
    <col min="2569" max="2572" width="21.625" style="1" customWidth="1"/>
    <col min="2573" max="2573" width="22.625" style="1" customWidth="1"/>
    <col min="2574" max="2575" width="21.625" style="1" customWidth="1"/>
    <col min="2576" max="2816" width="8.875" style="1"/>
    <col min="2817" max="2817" width="2.625" style="1" customWidth="1"/>
    <col min="2818" max="2822" width="2.125" style="1" customWidth="1"/>
    <col min="2823" max="2823" width="2.625" style="1" customWidth="1"/>
    <col min="2824" max="2824" width="10.625" style="1" customWidth="1"/>
    <col min="2825" max="2828" width="21.625" style="1" customWidth="1"/>
    <col min="2829" max="2829" width="22.625" style="1" customWidth="1"/>
    <col min="2830" max="2831" width="21.625" style="1" customWidth="1"/>
    <col min="2832" max="3072" width="8.875" style="1"/>
    <col min="3073" max="3073" width="2.625" style="1" customWidth="1"/>
    <col min="3074" max="3078" width="2.125" style="1" customWidth="1"/>
    <col min="3079" max="3079" width="2.625" style="1" customWidth="1"/>
    <col min="3080" max="3080" width="10.625" style="1" customWidth="1"/>
    <col min="3081" max="3084" width="21.625" style="1" customWidth="1"/>
    <col min="3085" max="3085" width="22.625" style="1" customWidth="1"/>
    <col min="3086" max="3087" width="21.625" style="1" customWidth="1"/>
    <col min="3088" max="3328" width="8.875" style="1"/>
    <col min="3329" max="3329" width="2.625" style="1" customWidth="1"/>
    <col min="3330" max="3334" width="2.125" style="1" customWidth="1"/>
    <col min="3335" max="3335" width="2.625" style="1" customWidth="1"/>
    <col min="3336" max="3336" width="10.625" style="1" customWidth="1"/>
    <col min="3337" max="3340" width="21.625" style="1" customWidth="1"/>
    <col min="3341" max="3341" width="22.625" style="1" customWidth="1"/>
    <col min="3342" max="3343" width="21.625" style="1" customWidth="1"/>
    <col min="3344" max="3584" width="8.875" style="1"/>
    <col min="3585" max="3585" width="2.625" style="1" customWidth="1"/>
    <col min="3586" max="3590" width="2.125" style="1" customWidth="1"/>
    <col min="3591" max="3591" width="2.625" style="1" customWidth="1"/>
    <col min="3592" max="3592" width="10.625" style="1" customWidth="1"/>
    <col min="3593" max="3596" width="21.625" style="1" customWidth="1"/>
    <col min="3597" max="3597" width="22.625" style="1" customWidth="1"/>
    <col min="3598" max="3599" width="21.625" style="1" customWidth="1"/>
    <col min="3600" max="3840" width="8.875" style="1"/>
    <col min="3841" max="3841" width="2.625" style="1" customWidth="1"/>
    <col min="3842" max="3846" width="2.125" style="1" customWidth="1"/>
    <col min="3847" max="3847" width="2.625" style="1" customWidth="1"/>
    <col min="3848" max="3848" width="10.625" style="1" customWidth="1"/>
    <col min="3849" max="3852" width="21.625" style="1" customWidth="1"/>
    <col min="3853" max="3853" width="22.625" style="1" customWidth="1"/>
    <col min="3854" max="3855" width="21.625" style="1" customWidth="1"/>
    <col min="3856" max="4096" width="8.875" style="1"/>
    <col min="4097" max="4097" width="2.625" style="1" customWidth="1"/>
    <col min="4098" max="4102" width="2.125" style="1" customWidth="1"/>
    <col min="4103" max="4103" width="2.625" style="1" customWidth="1"/>
    <col min="4104" max="4104" width="10.625" style="1" customWidth="1"/>
    <col min="4105" max="4108" width="21.625" style="1" customWidth="1"/>
    <col min="4109" max="4109" width="22.625" style="1" customWidth="1"/>
    <col min="4110" max="4111" width="21.625" style="1" customWidth="1"/>
    <col min="4112" max="4352" width="8.875" style="1"/>
    <col min="4353" max="4353" width="2.625" style="1" customWidth="1"/>
    <col min="4354" max="4358" width="2.125" style="1" customWidth="1"/>
    <col min="4359" max="4359" width="2.625" style="1" customWidth="1"/>
    <col min="4360" max="4360" width="10.625" style="1" customWidth="1"/>
    <col min="4361" max="4364" width="21.625" style="1" customWidth="1"/>
    <col min="4365" max="4365" width="22.625" style="1" customWidth="1"/>
    <col min="4366" max="4367" width="21.625" style="1" customWidth="1"/>
    <col min="4368" max="4608" width="8.875" style="1"/>
    <col min="4609" max="4609" width="2.625" style="1" customWidth="1"/>
    <col min="4610" max="4614" width="2.125" style="1" customWidth="1"/>
    <col min="4615" max="4615" width="2.625" style="1" customWidth="1"/>
    <col min="4616" max="4616" width="10.625" style="1" customWidth="1"/>
    <col min="4617" max="4620" width="21.625" style="1" customWidth="1"/>
    <col min="4621" max="4621" width="22.625" style="1" customWidth="1"/>
    <col min="4622" max="4623" width="21.625" style="1" customWidth="1"/>
    <col min="4624" max="4864" width="8.875" style="1"/>
    <col min="4865" max="4865" width="2.625" style="1" customWidth="1"/>
    <col min="4866" max="4870" width="2.125" style="1" customWidth="1"/>
    <col min="4871" max="4871" width="2.625" style="1" customWidth="1"/>
    <col min="4872" max="4872" width="10.625" style="1" customWidth="1"/>
    <col min="4873" max="4876" width="21.625" style="1" customWidth="1"/>
    <col min="4877" max="4877" width="22.625" style="1" customWidth="1"/>
    <col min="4878" max="4879" width="21.625" style="1" customWidth="1"/>
    <col min="4880" max="5120" width="8.875" style="1"/>
    <col min="5121" max="5121" width="2.625" style="1" customWidth="1"/>
    <col min="5122" max="5126" width="2.125" style="1" customWidth="1"/>
    <col min="5127" max="5127" width="2.625" style="1" customWidth="1"/>
    <col min="5128" max="5128" width="10.625" style="1" customWidth="1"/>
    <col min="5129" max="5132" width="21.625" style="1" customWidth="1"/>
    <col min="5133" max="5133" width="22.625" style="1" customWidth="1"/>
    <col min="5134" max="5135" width="21.625" style="1" customWidth="1"/>
    <col min="5136" max="5376" width="8.875" style="1"/>
    <col min="5377" max="5377" width="2.625" style="1" customWidth="1"/>
    <col min="5378" max="5382" width="2.125" style="1" customWidth="1"/>
    <col min="5383" max="5383" width="2.625" style="1" customWidth="1"/>
    <col min="5384" max="5384" width="10.625" style="1" customWidth="1"/>
    <col min="5385" max="5388" width="21.625" style="1" customWidth="1"/>
    <col min="5389" max="5389" width="22.625" style="1" customWidth="1"/>
    <col min="5390" max="5391" width="21.625" style="1" customWidth="1"/>
    <col min="5392" max="5632" width="8.875" style="1"/>
    <col min="5633" max="5633" width="2.625" style="1" customWidth="1"/>
    <col min="5634" max="5638" width="2.125" style="1" customWidth="1"/>
    <col min="5639" max="5639" width="2.625" style="1" customWidth="1"/>
    <col min="5640" max="5640" width="10.625" style="1" customWidth="1"/>
    <col min="5641" max="5644" width="21.625" style="1" customWidth="1"/>
    <col min="5645" max="5645" width="22.625" style="1" customWidth="1"/>
    <col min="5646" max="5647" width="21.625" style="1" customWidth="1"/>
    <col min="5648" max="5888" width="8.875" style="1"/>
    <col min="5889" max="5889" width="2.625" style="1" customWidth="1"/>
    <col min="5890" max="5894" width="2.125" style="1" customWidth="1"/>
    <col min="5895" max="5895" width="2.625" style="1" customWidth="1"/>
    <col min="5896" max="5896" width="10.625" style="1" customWidth="1"/>
    <col min="5897" max="5900" width="21.625" style="1" customWidth="1"/>
    <col min="5901" max="5901" width="22.625" style="1" customWidth="1"/>
    <col min="5902" max="5903" width="21.625" style="1" customWidth="1"/>
    <col min="5904" max="6144" width="8.875" style="1"/>
    <col min="6145" max="6145" width="2.625" style="1" customWidth="1"/>
    <col min="6146" max="6150" width="2.125" style="1" customWidth="1"/>
    <col min="6151" max="6151" width="2.625" style="1" customWidth="1"/>
    <col min="6152" max="6152" width="10.625" style="1" customWidth="1"/>
    <col min="6153" max="6156" width="21.625" style="1" customWidth="1"/>
    <col min="6157" max="6157" width="22.625" style="1" customWidth="1"/>
    <col min="6158" max="6159" width="21.625" style="1" customWidth="1"/>
    <col min="6160" max="6400" width="8.875" style="1"/>
    <col min="6401" max="6401" width="2.625" style="1" customWidth="1"/>
    <col min="6402" max="6406" width="2.125" style="1" customWidth="1"/>
    <col min="6407" max="6407" width="2.625" style="1" customWidth="1"/>
    <col min="6408" max="6408" width="10.625" style="1" customWidth="1"/>
    <col min="6409" max="6412" width="21.625" style="1" customWidth="1"/>
    <col min="6413" max="6413" width="22.625" style="1" customWidth="1"/>
    <col min="6414" max="6415" width="21.625" style="1" customWidth="1"/>
    <col min="6416" max="6656" width="8.875" style="1"/>
    <col min="6657" max="6657" width="2.625" style="1" customWidth="1"/>
    <col min="6658" max="6662" width="2.125" style="1" customWidth="1"/>
    <col min="6663" max="6663" width="2.625" style="1" customWidth="1"/>
    <col min="6664" max="6664" width="10.625" style="1" customWidth="1"/>
    <col min="6665" max="6668" width="21.625" style="1" customWidth="1"/>
    <col min="6669" max="6669" width="22.625" style="1" customWidth="1"/>
    <col min="6670" max="6671" width="21.625" style="1" customWidth="1"/>
    <col min="6672" max="6912" width="8.875" style="1"/>
    <col min="6913" max="6913" width="2.625" style="1" customWidth="1"/>
    <col min="6914" max="6918" width="2.125" style="1" customWidth="1"/>
    <col min="6919" max="6919" width="2.625" style="1" customWidth="1"/>
    <col min="6920" max="6920" width="10.625" style="1" customWidth="1"/>
    <col min="6921" max="6924" width="21.625" style="1" customWidth="1"/>
    <col min="6925" max="6925" width="22.625" style="1" customWidth="1"/>
    <col min="6926" max="6927" width="21.625" style="1" customWidth="1"/>
    <col min="6928" max="7168" width="8.875" style="1"/>
    <col min="7169" max="7169" width="2.625" style="1" customWidth="1"/>
    <col min="7170" max="7174" width="2.125" style="1" customWidth="1"/>
    <col min="7175" max="7175" width="2.625" style="1" customWidth="1"/>
    <col min="7176" max="7176" width="10.625" style="1" customWidth="1"/>
    <col min="7177" max="7180" width="21.625" style="1" customWidth="1"/>
    <col min="7181" max="7181" width="22.625" style="1" customWidth="1"/>
    <col min="7182" max="7183" width="21.625" style="1" customWidth="1"/>
    <col min="7184" max="7424" width="8.875" style="1"/>
    <col min="7425" max="7425" width="2.625" style="1" customWidth="1"/>
    <col min="7426" max="7430" width="2.125" style="1" customWidth="1"/>
    <col min="7431" max="7431" width="2.625" style="1" customWidth="1"/>
    <col min="7432" max="7432" width="10.625" style="1" customWidth="1"/>
    <col min="7433" max="7436" width="21.625" style="1" customWidth="1"/>
    <col min="7437" max="7437" width="22.625" style="1" customWidth="1"/>
    <col min="7438" max="7439" width="21.625" style="1" customWidth="1"/>
    <col min="7440" max="7680" width="8.875" style="1"/>
    <col min="7681" max="7681" width="2.625" style="1" customWidth="1"/>
    <col min="7682" max="7686" width="2.125" style="1" customWidth="1"/>
    <col min="7687" max="7687" width="2.625" style="1" customWidth="1"/>
    <col min="7688" max="7688" width="10.625" style="1" customWidth="1"/>
    <col min="7689" max="7692" width="21.625" style="1" customWidth="1"/>
    <col min="7693" max="7693" width="22.625" style="1" customWidth="1"/>
    <col min="7694" max="7695" width="21.625" style="1" customWidth="1"/>
    <col min="7696" max="7936" width="8.875" style="1"/>
    <col min="7937" max="7937" width="2.625" style="1" customWidth="1"/>
    <col min="7938" max="7942" width="2.125" style="1" customWidth="1"/>
    <col min="7943" max="7943" width="2.625" style="1" customWidth="1"/>
    <col min="7944" max="7944" width="10.625" style="1" customWidth="1"/>
    <col min="7945" max="7948" width="21.625" style="1" customWidth="1"/>
    <col min="7949" max="7949" width="22.625" style="1" customWidth="1"/>
    <col min="7950" max="7951" width="21.625" style="1" customWidth="1"/>
    <col min="7952" max="8192" width="8.875" style="1"/>
    <col min="8193" max="8193" width="2.625" style="1" customWidth="1"/>
    <col min="8194" max="8198" width="2.125" style="1" customWidth="1"/>
    <col min="8199" max="8199" width="2.625" style="1" customWidth="1"/>
    <col min="8200" max="8200" width="10.625" style="1" customWidth="1"/>
    <col min="8201" max="8204" width="21.625" style="1" customWidth="1"/>
    <col min="8205" max="8205" width="22.625" style="1" customWidth="1"/>
    <col min="8206" max="8207" width="21.625" style="1" customWidth="1"/>
    <col min="8208" max="8448" width="8.875" style="1"/>
    <col min="8449" max="8449" width="2.625" style="1" customWidth="1"/>
    <col min="8450" max="8454" width="2.125" style="1" customWidth="1"/>
    <col min="8455" max="8455" width="2.625" style="1" customWidth="1"/>
    <col min="8456" max="8456" width="10.625" style="1" customWidth="1"/>
    <col min="8457" max="8460" width="21.625" style="1" customWidth="1"/>
    <col min="8461" max="8461" width="22.625" style="1" customWidth="1"/>
    <col min="8462" max="8463" width="21.625" style="1" customWidth="1"/>
    <col min="8464" max="8704" width="8.875" style="1"/>
    <col min="8705" max="8705" width="2.625" style="1" customWidth="1"/>
    <col min="8706" max="8710" width="2.125" style="1" customWidth="1"/>
    <col min="8711" max="8711" width="2.625" style="1" customWidth="1"/>
    <col min="8712" max="8712" width="10.625" style="1" customWidth="1"/>
    <col min="8713" max="8716" width="21.625" style="1" customWidth="1"/>
    <col min="8717" max="8717" width="22.625" style="1" customWidth="1"/>
    <col min="8718" max="8719" width="21.625" style="1" customWidth="1"/>
    <col min="8720" max="8960" width="8.875" style="1"/>
    <col min="8961" max="8961" width="2.625" style="1" customWidth="1"/>
    <col min="8962" max="8966" width="2.125" style="1" customWidth="1"/>
    <col min="8967" max="8967" width="2.625" style="1" customWidth="1"/>
    <col min="8968" max="8968" width="10.625" style="1" customWidth="1"/>
    <col min="8969" max="8972" width="21.625" style="1" customWidth="1"/>
    <col min="8973" max="8973" width="22.625" style="1" customWidth="1"/>
    <col min="8974" max="8975" width="21.625" style="1" customWidth="1"/>
    <col min="8976" max="9216" width="8.875" style="1"/>
    <col min="9217" max="9217" width="2.625" style="1" customWidth="1"/>
    <col min="9218" max="9222" width="2.125" style="1" customWidth="1"/>
    <col min="9223" max="9223" width="2.625" style="1" customWidth="1"/>
    <col min="9224" max="9224" width="10.625" style="1" customWidth="1"/>
    <col min="9225" max="9228" width="21.625" style="1" customWidth="1"/>
    <col min="9229" max="9229" width="22.625" style="1" customWidth="1"/>
    <col min="9230" max="9231" width="21.625" style="1" customWidth="1"/>
    <col min="9232" max="9472" width="8.875" style="1"/>
    <col min="9473" max="9473" width="2.625" style="1" customWidth="1"/>
    <col min="9474" max="9478" width="2.125" style="1" customWidth="1"/>
    <col min="9479" max="9479" width="2.625" style="1" customWidth="1"/>
    <col min="9480" max="9480" width="10.625" style="1" customWidth="1"/>
    <col min="9481" max="9484" width="21.625" style="1" customWidth="1"/>
    <col min="9485" max="9485" width="22.625" style="1" customWidth="1"/>
    <col min="9486" max="9487" width="21.625" style="1" customWidth="1"/>
    <col min="9488" max="9728" width="8.875" style="1"/>
    <col min="9729" max="9729" width="2.625" style="1" customWidth="1"/>
    <col min="9730" max="9734" width="2.125" style="1" customWidth="1"/>
    <col min="9735" max="9735" width="2.625" style="1" customWidth="1"/>
    <col min="9736" max="9736" width="10.625" style="1" customWidth="1"/>
    <col min="9737" max="9740" width="21.625" style="1" customWidth="1"/>
    <col min="9741" max="9741" width="22.625" style="1" customWidth="1"/>
    <col min="9742" max="9743" width="21.625" style="1" customWidth="1"/>
    <col min="9744" max="9984" width="8.875" style="1"/>
    <col min="9985" max="9985" width="2.625" style="1" customWidth="1"/>
    <col min="9986" max="9990" width="2.125" style="1" customWidth="1"/>
    <col min="9991" max="9991" width="2.625" style="1" customWidth="1"/>
    <col min="9992" max="9992" width="10.625" style="1" customWidth="1"/>
    <col min="9993" max="9996" width="21.625" style="1" customWidth="1"/>
    <col min="9997" max="9997" width="22.625" style="1" customWidth="1"/>
    <col min="9998" max="9999" width="21.625" style="1" customWidth="1"/>
    <col min="10000" max="10240" width="8.875" style="1"/>
    <col min="10241" max="10241" width="2.625" style="1" customWidth="1"/>
    <col min="10242" max="10246" width="2.125" style="1" customWidth="1"/>
    <col min="10247" max="10247" width="2.625" style="1" customWidth="1"/>
    <col min="10248" max="10248" width="10.625" style="1" customWidth="1"/>
    <col min="10249" max="10252" width="21.625" style="1" customWidth="1"/>
    <col min="10253" max="10253" width="22.625" style="1" customWidth="1"/>
    <col min="10254" max="10255" width="21.625" style="1" customWidth="1"/>
    <col min="10256" max="10496" width="8.875" style="1"/>
    <col min="10497" max="10497" width="2.625" style="1" customWidth="1"/>
    <col min="10498" max="10502" width="2.125" style="1" customWidth="1"/>
    <col min="10503" max="10503" width="2.625" style="1" customWidth="1"/>
    <col min="10504" max="10504" width="10.625" style="1" customWidth="1"/>
    <col min="10505" max="10508" width="21.625" style="1" customWidth="1"/>
    <col min="10509" max="10509" width="22.625" style="1" customWidth="1"/>
    <col min="10510" max="10511" width="21.625" style="1" customWidth="1"/>
    <col min="10512" max="10752" width="8.875" style="1"/>
    <col min="10753" max="10753" width="2.625" style="1" customWidth="1"/>
    <col min="10754" max="10758" width="2.125" style="1" customWidth="1"/>
    <col min="10759" max="10759" width="2.625" style="1" customWidth="1"/>
    <col min="10760" max="10760" width="10.625" style="1" customWidth="1"/>
    <col min="10761" max="10764" width="21.625" style="1" customWidth="1"/>
    <col min="10765" max="10765" width="22.625" style="1" customWidth="1"/>
    <col min="10766" max="10767" width="21.625" style="1" customWidth="1"/>
    <col min="10768" max="11008" width="8.875" style="1"/>
    <col min="11009" max="11009" width="2.625" style="1" customWidth="1"/>
    <col min="11010" max="11014" width="2.125" style="1" customWidth="1"/>
    <col min="11015" max="11015" width="2.625" style="1" customWidth="1"/>
    <col min="11016" max="11016" width="10.625" style="1" customWidth="1"/>
    <col min="11017" max="11020" width="21.625" style="1" customWidth="1"/>
    <col min="11021" max="11021" width="22.625" style="1" customWidth="1"/>
    <col min="11022" max="11023" width="21.625" style="1" customWidth="1"/>
    <col min="11024" max="11264" width="8.875" style="1"/>
    <col min="11265" max="11265" width="2.625" style="1" customWidth="1"/>
    <col min="11266" max="11270" width="2.125" style="1" customWidth="1"/>
    <col min="11271" max="11271" width="2.625" style="1" customWidth="1"/>
    <col min="11272" max="11272" width="10.625" style="1" customWidth="1"/>
    <col min="11273" max="11276" width="21.625" style="1" customWidth="1"/>
    <col min="11277" max="11277" width="22.625" style="1" customWidth="1"/>
    <col min="11278" max="11279" width="21.625" style="1" customWidth="1"/>
    <col min="11280" max="11520" width="8.875" style="1"/>
    <col min="11521" max="11521" width="2.625" style="1" customWidth="1"/>
    <col min="11522" max="11526" width="2.125" style="1" customWidth="1"/>
    <col min="11527" max="11527" width="2.625" style="1" customWidth="1"/>
    <col min="11528" max="11528" width="10.625" style="1" customWidth="1"/>
    <col min="11529" max="11532" width="21.625" style="1" customWidth="1"/>
    <col min="11533" max="11533" width="22.625" style="1" customWidth="1"/>
    <col min="11534" max="11535" width="21.625" style="1" customWidth="1"/>
    <col min="11536" max="11776" width="8.875" style="1"/>
    <col min="11777" max="11777" width="2.625" style="1" customWidth="1"/>
    <col min="11778" max="11782" width="2.125" style="1" customWidth="1"/>
    <col min="11783" max="11783" width="2.625" style="1" customWidth="1"/>
    <col min="11784" max="11784" width="10.625" style="1" customWidth="1"/>
    <col min="11785" max="11788" width="21.625" style="1" customWidth="1"/>
    <col min="11789" max="11789" width="22.625" style="1" customWidth="1"/>
    <col min="11790" max="11791" width="21.625" style="1" customWidth="1"/>
    <col min="11792" max="12032" width="8.875" style="1"/>
    <col min="12033" max="12033" width="2.625" style="1" customWidth="1"/>
    <col min="12034" max="12038" width="2.125" style="1" customWidth="1"/>
    <col min="12039" max="12039" width="2.625" style="1" customWidth="1"/>
    <col min="12040" max="12040" width="10.625" style="1" customWidth="1"/>
    <col min="12041" max="12044" width="21.625" style="1" customWidth="1"/>
    <col min="12045" max="12045" width="22.625" style="1" customWidth="1"/>
    <col min="12046" max="12047" width="21.625" style="1" customWidth="1"/>
    <col min="12048" max="12288" width="8.875" style="1"/>
    <col min="12289" max="12289" width="2.625" style="1" customWidth="1"/>
    <col min="12290" max="12294" width="2.125" style="1" customWidth="1"/>
    <col min="12295" max="12295" width="2.625" style="1" customWidth="1"/>
    <col min="12296" max="12296" width="10.625" style="1" customWidth="1"/>
    <col min="12297" max="12300" width="21.625" style="1" customWidth="1"/>
    <col min="12301" max="12301" width="22.625" style="1" customWidth="1"/>
    <col min="12302" max="12303" width="21.625" style="1" customWidth="1"/>
    <col min="12304" max="12544" width="8.875" style="1"/>
    <col min="12545" max="12545" width="2.625" style="1" customWidth="1"/>
    <col min="12546" max="12550" width="2.125" style="1" customWidth="1"/>
    <col min="12551" max="12551" width="2.625" style="1" customWidth="1"/>
    <col min="12552" max="12552" width="10.625" style="1" customWidth="1"/>
    <col min="12553" max="12556" width="21.625" style="1" customWidth="1"/>
    <col min="12557" max="12557" width="22.625" style="1" customWidth="1"/>
    <col min="12558" max="12559" width="21.625" style="1" customWidth="1"/>
    <col min="12560" max="12800" width="8.875" style="1"/>
    <col min="12801" max="12801" width="2.625" style="1" customWidth="1"/>
    <col min="12802" max="12806" width="2.125" style="1" customWidth="1"/>
    <col min="12807" max="12807" width="2.625" style="1" customWidth="1"/>
    <col min="12808" max="12808" width="10.625" style="1" customWidth="1"/>
    <col min="12809" max="12812" width="21.625" style="1" customWidth="1"/>
    <col min="12813" max="12813" width="22.625" style="1" customWidth="1"/>
    <col min="12814" max="12815" width="21.625" style="1" customWidth="1"/>
    <col min="12816" max="13056" width="8.875" style="1"/>
    <col min="13057" max="13057" width="2.625" style="1" customWidth="1"/>
    <col min="13058" max="13062" width="2.125" style="1" customWidth="1"/>
    <col min="13063" max="13063" width="2.625" style="1" customWidth="1"/>
    <col min="13064" max="13064" width="10.625" style="1" customWidth="1"/>
    <col min="13065" max="13068" width="21.625" style="1" customWidth="1"/>
    <col min="13069" max="13069" width="22.625" style="1" customWidth="1"/>
    <col min="13070" max="13071" width="21.625" style="1" customWidth="1"/>
    <col min="13072" max="13312" width="8.875" style="1"/>
    <col min="13313" max="13313" width="2.625" style="1" customWidth="1"/>
    <col min="13314" max="13318" width="2.125" style="1" customWidth="1"/>
    <col min="13319" max="13319" width="2.625" style="1" customWidth="1"/>
    <col min="13320" max="13320" width="10.625" style="1" customWidth="1"/>
    <col min="13321" max="13324" width="21.625" style="1" customWidth="1"/>
    <col min="13325" max="13325" width="22.625" style="1" customWidth="1"/>
    <col min="13326" max="13327" width="21.625" style="1" customWidth="1"/>
    <col min="13328" max="13568" width="8.875" style="1"/>
    <col min="13569" max="13569" width="2.625" style="1" customWidth="1"/>
    <col min="13570" max="13574" width="2.125" style="1" customWidth="1"/>
    <col min="13575" max="13575" width="2.625" style="1" customWidth="1"/>
    <col min="13576" max="13576" width="10.625" style="1" customWidth="1"/>
    <col min="13577" max="13580" width="21.625" style="1" customWidth="1"/>
    <col min="13581" max="13581" width="22.625" style="1" customWidth="1"/>
    <col min="13582" max="13583" width="21.625" style="1" customWidth="1"/>
    <col min="13584" max="13824" width="8.875" style="1"/>
    <col min="13825" max="13825" width="2.625" style="1" customWidth="1"/>
    <col min="13826" max="13830" width="2.125" style="1" customWidth="1"/>
    <col min="13831" max="13831" width="2.625" style="1" customWidth="1"/>
    <col min="13832" max="13832" width="10.625" style="1" customWidth="1"/>
    <col min="13833" max="13836" width="21.625" style="1" customWidth="1"/>
    <col min="13837" max="13837" width="22.625" style="1" customWidth="1"/>
    <col min="13838" max="13839" width="21.625" style="1" customWidth="1"/>
    <col min="13840" max="14080" width="8.875" style="1"/>
    <col min="14081" max="14081" width="2.625" style="1" customWidth="1"/>
    <col min="14082" max="14086" width="2.125" style="1" customWidth="1"/>
    <col min="14087" max="14087" width="2.625" style="1" customWidth="1"/>
    <col min="14088" max="14088" width="10.625" style="1" customWidth="1"/>
    <col min="14089" max="14092" width="21.625" style="1" customWidth="1"/>
    <col min="14093" max="14093" width="22.625" style="1" customWidth="1"/>
    <col min="14094" max="14095" width="21.625" style="1" customWidth="1"/>
    <col min="14096" max="14336" width="8.875" style="1"/>
    <col min="14337" max="14337" width="2.625" style="1" customWidth="1"/>
    <col min="14338" max="14342" width="2.125" style="1" customWidth="1"/>
    <col min="14343" max="14343" width="2.625" style="1" customWidth="1"/>
    <col min="14344" max="14344" width="10.625" style="1" customWidth="1"/>
    <col min="14345" max="14348" width="21.625" style="1" customWidth="1"/>
    <col min="14349" max="14349" width="22.625" style="1" customWidth="1"/>
    <col min="14350" max="14351" width="21.625" style="1" customWidth="1"/>
    <col min="14352" max="14592" width="8.875" style="1"/>
    <col min="14593" max="14593" width="2.625" style="1" customWidth="1"/>
    <col min="14594" max="14598" width="2.125" style="1" customWidth="1"/>
    <col min="14599" max="14599" width="2.625" style="1" customWidth="1"/>
    <col min="14600" max="14600" width="10.625" style="1" customWidth="1"/>
    <col min="14601" max="14604" width="21.625" style="1" customWidth="1"/>
    <col min="14605" max="14605" width="22.625" style="1" customWidth="1"/>
    <col min="14606" max="14607" width="21.625" style="1" customWidth="1"/>
    <col min="14608" max="14848" width="8.875" style="1"/>
    <col min="14849" max="14849" width="2.625" style="1" customWidth="1"/>
    <col min="14850" max="14854" width="2.125" style="1" customWidth="1"/>
    <col min="14855" max="14855" width="2.625" style="1" customWidth="1"/>
    <col min="14856" max="14856" width="10.625" style="1" customWidth="1"/>
    <col min="14857" max="14860" width="21.625" style="1" customWidth="1"/>
    <col min="14861" max="14861" width="22.625" style="1" customWidth="1"/>
    <col min="14862" max="14863" width="21.625" style="1" customWidth="1"/>
    <col min="14864" max="15104" width="8.875" style="1"/>
    <col min="15105" max="15105" width="2.625" style="1" customWidth="1"/>
    <col min="15106" max="15110" width="2.125" style="1" customWidth="1"/>
    <col min="15111" max="15111" width="2.625" style="1" customWidth="1"/>
    <col min="15112" max="15112" width="10.625" style="1" customWidth="1"/>
    <col min="15113" max="15116" width="21.625" style="1" customWidth="1"/>
    <col min="15117" max="15117" width="22.625" style="1" customWidth="1"/>
    <col min="15118" max="15119" width="21.625" style="1" customWidth="1"/>
    <col min="15120" max="15360" width="8.875" style="1"/>
    <col min="15361" max="15361" width="2.625" style="1" customWidth="1"/>
    <col min="15362" max="15366" width="2.125" style="1" customWidth="1"/>
    <col min="15367" max="15367" width="2.625" style="1" customWidth="1"/>
    <col min="15368" max="15368" width="10.625" style="1" customWidth="1"/>
    <col min="15369" max="15372" width="21.625" style="1" customWidth="1"/>
    <col min="15373" max="15373" width="22.625" style="1" customWidth="1"/>
    <col min="15374" max="15375" width="21.625" style="1" customWidth="1"/>
    <col min="15376" max="15616" width="8.875" style="1"/>
    <col min="15617" max="15617" width="2.625" style="1" customWidth="1"/>
    <col min="15618" max="15622" width="2.125" style="1" customWidth="1"/>
    <col min="15623" max="15623" width="2.625" style="1" customWidth="1"/>
    <col min="15624" max="15624" width="10.625" style="1" customWidth="1"/>
    <col min="15625" max="15628" width="21.625" style="1" customWidth="1"/>
    <col min="15629" max="15629" width="22.625" style="1" customWidth="1"/>
    <col min="15630" max="15631" width="21.625" style="1" customWidth="1"/>
    <col min="15632" max="15872" width="8.875" style="1"/>
    <col min="15873" max="15873" width="2.625" style="1" customWidth="1"/>
    <col min="15874" max="15878" width="2.125" style="1" customWidth="1"/>
    <col min="15879" max="15879" width="2.625" style="1" customWidth="1"/>
    <col min="15880" max="15880" width="10.625" style="1" customWidth="1"/>
    <col min="15881" max="15884" width="21.625" style="1" customWidth="1"/>
    <col min="15885" max="15885" width="22.625" style="1" customWidth="1"/>
    <col min="15886" max="15887" width="21.625" style="1" customWidth="1"/>
    <col min="15888" max="16128" width="8.875" style="1"/>
    <col min="16129" max="16129" width="2.625" style="1" customWidth="1"/>
    <col min="16130" max="16134" width="2.125" style="1" customWidth="1"/>
    <col min="16135" max="16135" width="2.625" style="1" customWidth="1"/>
    <col min="16136" max="16136" width="10.625" style="1" customWidth="1"/>
    <col min="16137" max="16140" width="21.625" style="1" customWidth="1"/>
    <col min="16141" max="16141" width="22.625" style="1" customWidth="1"/>
    <col min="16142" max="16143" width="21.625" style="1" customWidth="1"/>
    <col min="16144" max="16384" width="8.875" style="1"/>
  </cols>
  <sheetData>
    <row r="1" spans="2:15" s="2" customFormat="1" ht="22.5" customHeight="1">
      <c r="B1" s="13" t="s">
        <v>38</v>
      </c>
    </row>
    <row r="2" spans="2:15" s="2" customFormat="1" ht="22.5" customHeight="1">
      <c r="B2" s="13" t="s">
        <v>39</v>
      </c>
    </row>
    <row r="3" spans="2:15" s="2" customFormat="1" ht="22.5" customHeight="1">
      <c r="B3" s="13" t="s">
        <v>40</v>
      </c>
    </row>
    <row r="5" spans="2:15">
      <c r="B5" s="25" t="s">
        <v>17</v>
      </c>
      <c r="C5" s="26"/>
      <c r="D5" s="26"/>
      <c r="E5" s="26"/>
      <c r="F5" s="26"/>
      <c r="G5" s="26"/>
      <c r="H5" s="26"/>
      <c r="I5" s="26"/>
      <c r="J5" s="26"/>
      <c r="K5" s="26"/>
      <c r="L5" s="26"/>
      <c r="M5" s="26"/>
      <c r="N5" s="26"/>
      <c r="O5" s="26"/>
    </row>
    <row r="6" spans="2:15" ht="23.25" customHeight="1">
      <c r="B6" s="26"/>
      <c r="C6" s="26"/>
      <c r="D6" s="26"/>
      <c r="E6" s="26"/>
      <c r="F6" s="26"/>
      <c r="G6" s="26"/>
      <c r="H6" s="26"/>
      <c r="I6" s="26"/>
      <c r="J6" s="26"/>
      <c r="K6" s="26"/>
      <c r="L6" s="26"/>
      <c r="M6" s="26"/>
      <c r="N6" s="26"/>
      <c r="O6" s="26"/>
    </row>
    <row r="7" spans="2:15">
      <c r="O7" s="3" t="s">
        <v>6</v>
      </c>
    </row>
    <row r="8" spans="2:15" ht="21.95" customHeight="1">
      <c r="B8" s="15" t="s">
        <v>7</v>
      </c>
      <c r="C8" s="16"/>
      <c r="D8" s="16"/>
      <c r="E8" s="16"/>
      <c r="F8" s="16"/>
      <c r="G8" s="16"/>
      <c r="H8" s="17"/>
      <c r="I8" s="4" t="s">
        <v>5</v>
      </c>
      <c r="J8" s="5" t="s">
        <v>4</v>
      </c>
      <c r="K8" s="5" t="s">
        <v>3</v>
      </c>
      <c r="L8" s="5" t="s">
        <v>2</v>
      </c>
      <c r="M8" s="5" t="s">
        <v>1</v>
      </c>
      <c r="N8" s="5" t="s">
        <v>8</v>
      </c>
      <c r="O8" s="5" t="s">
        <v>0</v>
      </c>
    </row>
    <row r="9" spans="2:15" ht="21.95" customHeight="1">
      <c r="B9" s="18"/>
      <c r="C9" s="19"/>
      <c r="D9" s="19"/>
      <c r="E9" s="19"/>
      <c r="F9" s="19"/>
      <c r="G9" s="19"/>
      <c r="H9" s="20"/>
      <c r="I9" s="6" t="s">
        <v>9</v>
      </c>
      <c r="J9" s="6" t="s">
        <v>10</v>
      </c>
      <c r="K9" s="6" t="s">
        <v>11</v>
      </c>
      <c r="L9" s="6" t="s">
        <v>12</v>
      </c>
      <c r="M9" s="6" t="s">
        <v>13</v>
      </c>
      <c r="N9" s="6" t="s">
        <v>14</v>
      </c>
      <c r="O9" s="6" t="s">
        <v>15</v>
      </c>
    </row>
    <row r="10" spans="2:15" ht="21.95" customHeight="1">
      <c r="B10" s="7" t="s">
        <v>18</v>
      </c>
      <c r="C10" s="8"/>
      <c r="D10" s="8"/>
      <c r="E10" s="8"/>
      <c r="F10" s="8"/>
      <c r="G10" s="8"/>
      <c r="H10" s="9"/>
      <c r="I10" s="14">
        <v>2855747697</v>
      </c>
      <c r="J10" s="14">
        <v>0</v>
      </c>
      <c r="K10" s="14">
        <v>0</v>
      </c>
      <c r="L10" s="14">
        <v>2855747697</v>
      </c>
      <c r="M10" s="14">
        <v>528905589</v>
      </c>
      <c r="N10" s="14">
        <v>62840268</v>
      </c>
      <c r="O10" s="14">
        <v>2326842108</v>
      </c>
    </row>
    <row r="11" spans="2:15" ht="21.95" customHeight="1">
      <c r="B11" s="7"/>
      <c r="C11" s="8" t="s">
        <v>19</v>
      </c>
      <c r="D11" s="8"/>
      <c r="E11" s="8"/>
      <c r="F11" s="8"/>
      <c r="G11" s="8"/>
      <c r="H11" s="9"/>
      <c r="I11" s="14">
        <v>2855747697</v>
      </c>
      <c r="J11" s="14">
        <v>0</v>
      </c>
      <c r="K11" s="14">
        <v>0</v>
      </c>
      <c r="L11" s="14">
        <v>2855747697</v>
      </c>
      <c r="M11" s="14">
        <v>528905589</v>
      </c>
      <c r="N11" s="14">
        <v>62840268</v>
      </c>
      <c r="O11" s="14">
        <v>2326842108</v>
      </c>
    </row>
    <row r="12" spans="2:15" ht="21.95" customHeight="1">
      <c r="B12" s="7"/>
      <c r="C12" s="8"/>
      <c r="D12" s="8" t="s">
        <v>20</v>
      </c>
      <c r="E12" s="8"/>
      <c r="F12" s="8"/>
      <c r="G12" s="8"/>
      <c r="H12" s="9"/>
      <c r="I12" s="14">
        <v>0</v>
      </c>
      <c r="J12" s="14">
        <v>0</v>
      </c>
      <c r="K12" s="14">
        <v>0</v>
      </c>
      <c r="L12" s="14">
        <v>0</v>
      </c>
      <c r="M12" s="14">
        <v>0</v>
      </c>
      <c r="N12" s="14">
        <v>0</v>
      </c>
      <c r="O12" s="14">
        <v>0</v>
      </c>
    </row>
    <row r="13" spans="2:15" ht="21.95" customHeight="1">
      <c r="B13" s="7"/>
      <c r="C13" s="8"/>
      <c r="D13" s="8" t="s">
        <v>21</v>
      </c>
      <c r="E13" s="8"/>
      <c r="F13" s="8"/>
      <c r="G13" s="8"/>
      <c r="H13" s="9"/>
      <c r="I13" s="14">
        <v>2855453697</v>
      </c>
      <c r="J13" s="14">
        <v>0</v>
      </c>
      <c r="K13" s="14">
        <v>0</v>
      </c>
      <c r="L13" s="14">
        <v>2855453697</v>
      </c>
      <c r="M13" s="14">
        <v>528864280</v>
      </c>
      <c r="N13" s="14">
        <v>62835360</v>
      </c>
      <c r="O13" s="14">
        <v>2326589417</v>
      </c>
    </row>
    <row r="14" spans="2:15" ht="21.95" customHeight="1">
      <c r="B14" s="7"/>
      <c r="C14" s="8"/>
      <c r="D14" s="8" t="s">
        <v>22</v>
      </c>
      <c r="E14" s="8"/>
      <c r="F14" s="8"/>
      <c r="G14" s="8"/>
      <c r="H14" s="9"/>
      <c r="I14" s="14">
        <v>294000</v>
      </c>
      <c r="J14" s="14">
        <v>0</v>
      </c>
      <c r="K14" s="14">
        <v>0</v>
      </c>
      <c r="L14" s="14">
        <v>294000</v>
      </c>
      <c r="M14" s="14">
        <v>41309</v>
      </c>
      <c r="N14" s="14">
        <v>4908</v>
      </c>
      <c r="O14" s="14">
        <v>252691</v>
      </c>
    </row>
    <row r="15" spans="2:15" ht="21.95" customHeight="1">
      <c r="B15" s="7"/>
      <c r="C15" s="8"/>
      <c r="D15" s="8" t="s">
        <v>23</v>
      </c>
      <c r="E15" s="8"/>
      <c r="F15" s="8"/>
      <c r="G15" s="8"/>
      <c r="H15" s="9"/>
      <c r="I15" s="14">
        <v>0</v>
      </c>
      <c r="J15" s="14">
        <v>0</v>
      </c>
      <c r="K15" s="14">
        <v>0</v>
      </c>
      <c r="L15" s="14">
        <v>0</v>
      </c>
      <c r="M15" s="14">
        <v>0</v>
      </c>
      <c r="N15" s="14">
        <v>0</v>
      </c>
      <c r="O15" s="14">
        <v>0</v>
      </c>
    </row>
    <row r="16" spans="2:15" ht="21.95" customHeight="1">
      <c r="B16" s="7"/>
      <c r="C16" s="8"/>
      <c r="D16" s="8" t="s">
        <v>24</v>
      </c>
      <c r="E16" s="8"/>
      <c r="F16" s="8"/>
      <c r="G16" s="8"/>
      <c r="H16" s="9"/>
      <c r="I16" s="14">
        <v>0</v>
      </c>
      <c r="J16" s="14">
        <v>0</v>
      </c>
      <c r="K16" s="14">
        <v>0</v>
      </c>
      <c r="L16" s="14">
        <v>0</v>
      </c>
      <c r="M16" s="14">
        <v>0</v>
      </c>
      <c r="N16" s="14">
        <v>0</v>
      </c>
      <c r="O16" s="14">
        <v>0</v>
      </c>
    </row>
    <row r="17" spans="2:15" ht="21.95" customHeight="1">
      <c r="B17" s="7"/>
      <c r="C17" s="8"/>
      <c r="D17" s="8" t="s">
        <v>25</v>
      </c>
      <c r="E17" s="8"/>
      <c r="F17" s="8"/>
      <c r="G17" s="8"/>
      <c r="H17" s="9"/>
      <c r="I17" s="14">
        <v>0</v>
      </c>
      <c r="J17" s="14">
        <v>0</v>
      </c>
      <c r="K17" s="14">
        <v>0</v>
      </c>
      <c r="L17" s="14">
        <v>0</v>
      </c>
      <c r="M17" s="14">
        <v>0</v>
      </c>
      <c r="N17" s="14">
        <v>0</v>
      </c>
      <c r="O17" s="14">
        <v>0</v>
      </c>
    </row>
    <row r="18" spans="2:15" ht="21.95" customHeight="1">
      <c r="B18" s="7"/>
      <c r="C18" s="8"/>
      <c r="D18" s="8" t="s">
        <v>26</v>
      </c>
      <c r="E18" s="8"/>
      <c r="F18" s="8"/>
      <c r="G18" s="8"/>
      <c r="H18" s="9"/>
      <c r="I18" s="14">
        <v>0</v>
      </c>
      <c r="J18" s="14">
        <v>0</v>
      </c>
      <c r="K18" s="14">
        <v>0</v>
      </c>
      <c r="L18" s="14">
        <v>0</v>
      </c>
      <c r="M18" s="14">
        <v>0</v>
      </c>
      <c r="N18" s="14">
        <v>0</v>
      </c>
      <c r="O18" s="14">
        <v>0</v>
      </c>
    </row>
    <row r="19" spans="2:15" ht="21.95" customHeight="1">
      <c r="B19" s="10"/>
      <c r="C19" s="11" t="s">
        <v>27</v>
      </c>
      <c r="D19" s="11"/>
      <c r="E19" s="11"/>
      <c r="F19" s="11"/>
      <c r="G19" s="11"/>
      <c r="H19" s="12"/>
      <c r="I19" s="14">
        <v>0</v>
      </c>
      <c r="J19" s="14">
        <v>0</v>
      </c>
      <c r="K19" s="14">
        <v>0</v>
      </c>
      <c r="L19" s="14">
        <v>0</v>
      </c>
      <c r="M19" s="14">
        <v>0</v>
      </c>
      <c r="N19" s="14">
        <v>0</v>
      </c>
      <c r="O19" s="14">
        <v>0</v>
      </c>
    </row>
    <row r="20" spans="2:15" ht="21.95" customHeight="1">
      <c r="B20" s="10"/>
      <c r="C20" s="11"/>
      <c r="D20" s="11" t="s">
        <v>28</v>
      </c>
      <c r="E20" s="11"/>
      <c r="F20" s="11"/>
      <c r="G20" s="11"/>
      <c r="H20" s="12"/>
      <c r="I20" s="14">
        <v>0</v>
      </c>
      <c r="J20" s="14">
        <v>0</v>
      </c>
      <c r="K20" s="14">
        <v>0</v>
      </c>
      <c r="L20" s="14">
        <v>0</v>
      </c>
      <c r="M20" s="14">
        <v>0</v>
      </c>
      <c r="N20" s="14">
        <v>0</v>
      </c>
      <c r="O20" s="14">
        <v>0</v>
      </c>
    </row>
    <row r="21" spans="2:15" ht="21.95" customHeight="1">
      <c r="B21" s="10"/>
      <c r="C21" s="11"/>
      <c r="D21" s="11" t="s">
        <v>29</v>
      </c>
      <c r="E21" s="11"/>
      <c r="F21" s="11"/>
      <c r="G21" s="11"/>
      <c r="H21" s="12"/>
      <c r="I21" s="14">
        <v>0</v>
      </c>
      <c r="J21" s="14">
        <v>0</v>
      </c>
      <c r="K21" s="14">
        <v>0</v>
      </c>
      <c r="L21" s="14">
        <v>0</v>
      </c>
      <c r="M21" s="14">
        <v>0</v>
      </c>
      <c r="N21" s="14">
        <v>0</v>
      </c>
      <c r="O21" s="14">
        <v>0</v>
      </c>
    </row>
    <row r="22" spans="2:15" ht="21.95" customHeight="1">
      <c r="B22" s="7" t="s">
        <v>30</v>
      </c>
      <c r="C22" s="8"/>
      <c r="D22" s="8"/>
      <c r="E22" s="8"/>
      <c r="F22" s="8"/>
      <c r="G22" s="8"/>
      <c r="H22" s="9"/>
      <c r="I22" s="14">
        <v>0</v>
      </c>
      <c r="J22" s="14">
        <v>0</v>
      </c>
      <c r="K22" s="14">
        <v>0</v>
      </c>
      <c r="L22" s="14">
        <v>0</v>
      </c>
      <c r="M22" s="14">
        <v>0</v>
      </c>
      <c r="N22" s="14">
        <v>0</v>
      </c>
      <c r="O22" s="14">
        <v>0</v>
      </c>
    </row>
    <row r="23" spans="2:15" ht="21.95" customHeight="1">
      <c r="B23" s="7"/>
      <c r="C23" s="8" t="s">
        <v>31</v>
      </c>
      <c r="D23" s="8"/>
      <c r="E23" s="8"/>
      <c r="F23" s="8"/>
      <c r="G23" s="8"/>
      <c r="H23" s="9"/>
      <c r="I23" s="14">
        <v>0</v>
      </c>
      <c r="J23" s="14">
        <v>0</v>
      </c>
      <c r="K23" s="14">
        <v>0</v>
      </c>
      <c r="L23" s="14">
        <v>0</v>
      </c>
      <c r="M23" s="14">
        <v>0</v>
      </c>
      <c r="N23" s="14">
        <v>0</v>
      </c>
      <c r="O23" s="14">
        <v>0</v>
      </c>
    </row>
    <row r="24" spans="2:15" ht="21.95" customHeight="1">
      <c r="B24" s="7"/>
      <c r="C24" s="8"/>
      <c r="D24" s="8" t="s">
        <v>20</v>
      </c>
      <c r="E24" s="8"/>
      <c r="F24" s="8"/>
      <c r="G24" s="8"/>
      <c r="H24" s="9"/>
      <c r="I24" s="14">
        <v>0</v>
      </c>
      <c r="J24" s="14">
        <v>0</v>
      </c>
      <c r="K24" s="14">
        <v>0</v>
      </c>
      <c r="L24" s="14">
        <v>0</v>
      </c>
      <c r="M24" s="14">
        <v>0</v>
      </c>
      <c r="N24" s="14">
        <v>0</v>
      </c>
      <c r="O24" s="14">
        <v>0</v>
      </c>
    </row>
    <row r="25" spans="2:15" ht="21.95" customHeight="1">
      <c r="B25" s="7"/>
      <c r="C25" s="8"/>
      <c r="D25" s="8" t="s">
        <v>21</v>
      </c>
      <c r="E25" s="8"/>
      <c r="F25" s="8"/>
      <c r="G25" s="8"/>
      <c r="H25" s="9"/>
      <c r="I25" s="14">
        <v>0</v>
      </c>
      <c r="J25" s="14">
        <v>0</v>
      </c>
      <c r="K25" s="14">
        <v>0</v>
      </c>
      <c r="L25" s="14">
        <v>0</v>
      </c>
      <c r="M25" s="14">
        <v>0</v>
      </c>
      <c r="N25" s="14">
        <v>0</v>
      </c>
      <c r="O25" s="14">
        <v>0</v>
      </c>
    </row>
    <row r="26" spans="2:15" ht="21.95" customHeight="1">
      <c r="B26" s="7"/>
      <c r="C26" s="8"/>
      <c r="D26" s="8" t="s">
        <v>22</v>
      </c>
      <c r="E26" s="8"/>
      <c r="F26" s="8"/>
      <c r="G26" s="8"/>
      <c r="H26" s="9"/>
      <c r="I26" s="14">
        <v>0</v>
      </c>
      <c r="J26" s="14">
        <v>0</v>
      </c>
      <c r="K26" s="14">
        <v>0</v>
      </c>
      <c r="L26" s="14">
        <v>0</v>
      </c>
      <c r="M26" s="14">
        <v>0</v>
      </c>
      <c r="N26" s="14">
        <v>0</v>
      </c>
      <c r="O26" s="14">
        <v>0</v>
      </c>
    </row>
    <row r="27" spans="2:15" ht="21.95" customHeight="1">
      <c r="B27" s="10"/>
      <c r="C27" s="11" t="s">
        <v>32</v>
      </c>
      <c r="D27" s="11"/>
      <c r="E27" s="11"/>
      <c r="F27" s="11"/>
      <c r="G27" s="11"/>
      <c r="H27" s="12"/>
      <c r="I27" s="14">
        <v>0</v>
      </c>
      <c r="J27" s="14">
        <v>0</v>
      </c>
      <c r="K27" s="14">
        <v>0</v>
      </c>
      <c r="L27" s="14">
        <v>0</v>
      </c>
      <c r="M27" s="14">
        <v>0</v>
      </c>
      <c r="N27" s="14">
        <v>0</v>
      </c>
      <c r="O27" s="14">
        <v>0</v>
      </c>
    </row>
    <row r="28" spans="2:15" ht="21.95" customHeight="1">
      <c r="B28" s="10"/>
      <c r="C28" s="11"/>
      <c r="D28" s="11" t="s">
        <v>28</v>
      </c>
      <c r="E28" s="11"/>
      <c r="F28" s="11"/>
      <c r="G28" s="11"/>
      <c r="H28" s="12"/>
      <c r="I28" s="14">
        <v>0</v>
      </c>
      <c r="J28" s="14">
        <v>0</v>
      </c>
      <c r="K28" s="14">
        <v>0</v>
      </c>
      <c r="L28" s="14">
        <v>0</v>
      </c>
      <c r="M28" s="14">
        <v>0</v>
      </c>
      <c r="N28" s="14">
        <v>0</v>
      </c>
      <c r="O28" s="14">
        <v>0</v>
      </c>
    </row>
    <row r="29" spans="2:15" ht="21.95" customHeight="1">
      <c r="B29" s="10"/>
      <c r="C29" s="11"/>
      <c r="D29" s="11" t="s">
        <v>29</v>
      </c>
      <c r="E29" s="11"/>
      <c r="F29" s="11"/>
      <c r="G29" s="11"/>
      <c r="H29" s="12"/>
      <c r="I29" s="14">
        <v>0</v>
      </c>
      <c r="J29" s="14">
        <v>0</v>
      </c>
      <c r="K29" s="14">
        <v>0</v>
      </c>
      <c r="L29" s="14">
        <v>0</v>
      </c>
      <c r="M29" s="14">
        <v>0</v>
      </c>
      <c r="N29" s="14">
        <v>0</v>
      </c>
      <c r="O29" s="14">
        <v>0</v>
      </c>
    </row>
    <row r="30" spans="2:15" ht="21.95" customHeight="1">
      <c r="B30" s="7" t="s">
        <v>33</v>
      </c>
      <c r="C30" s="8"/>
      <c r="D30" s="8"/>
      <c r="E30" s="8"/>
      <c r="F30" s="8"/>
      <c r="G30" s="8"/>
      <c r="H30" s="9"/>
      <c r="I30" s="14">
        <v>0</v>
      </c>
      <c r="J30" s="14">
        <v>0</v>
      </c>
      <c r="K30" s="14">
        <v>0</v>
      </c>
      <c r="L30" s="14">
        <v>0</v>
      </c>
      <c r="M30" s="14">
        <v>0</v>
      </c>
      <c r="N30" s="14">
        <v>0</v>
      </c>
      <c r="O30" s="14">
        <v>0</v>
      </c>
    </row>
    <row r="31" spans="2:15" ht="21.95" customHeight="1">
      <c r="B31" s="7" t="s">
        <v>34</v>
      </c>
      <c r="C31" s="8"/>
      <c r="D31" s="8"/>
      <c r="E31" s="8"/>
      <c r="F31" s="8"/>
      <c r="G31" s="8"/>
      <c r="H31" s="9"/>
      <c r="I31" s="14">
        <v>0</v>
      </c>
      <c r="J31" s="14">
        <v>0</v>
      </c>
      <c r="K31" s="14">
        <v>0</v>
      </c>
      <c r="L31" s="14">
        <v>0</v>
      </c>
      <c r="M31" s="14">
        <v>0</v>
      </c>
      <c r="N31" s="14">
        <v>0</v>
      </c>
      <c r="O31" s="14">
        <v>0</v>
      </c>
    </row>
    <row r="32" spans="2:15" ht="21.95" customHeight="1">
      <c r="B32" s="10" t="s">
        <v>35</v>
      </c>
      <c r="C32" s="11"/>
      <c r="D32" s="11"/>
      <c r="E32" s="11"/>
      <c r="F32" s="11"/>
      <c r="G32" s="11"/>
      <c r="H32" s="12"/>
      <c r="I32" s="14">
        <v>0</v>
      </c>
      <c r="J32" s="14">
        <v>0</v>
      </c>
      <c r="K32" s="14">
        <v>0</v>
      </c>
      <c r="L32" s="14">
        <v>0</v>
      </c>
      <c r="M32" s="14">
        <v>0</v>
      </c>
      <c r="N32" s="14">
        <v>0</v>
      </c>
      <c r="O32" s="14">
        <v>0</v>
      </c>
    </row>
    <row r="33" spans="2:15" ht="21.95" customHeight="1">
      <c r="B33" s="10" t="s">
        <v>36</v>
      </c>
      <c r="C33" s="11"/>
      <c r="D33" s="11"/>
      <c r="E33" s="11"/>
      <c r="F33" s="11"/>
      <c r="G33" s="11"/>
      <c r="H33" s="12"/>
      <c r="I33" s="14">
        <v>0</v>
      </c>
      <c r="J33" s="14">
        <v>0</v>
      </c>
      <c r="K33" s="14">
        <v>0</v>
      </c>
      <c r="L33" s="14">
        <v>0</v>
      </c>
      <c r="M33" s="14">
        <v>0</v>
      </c>
      <c r="N33" s="14">
        <v>0</v>
      </c>
      <c r="O33" s="14">
        <v>0</v>
      </c>
    </row>
    <row r="34" spans="2:15" ht="21.95" customHeight="1">
      <c r="B34" s="10" t="s">
        <v>37</v>
      </c>
      <c r="C34" s="11"/>
      <c r="D34" s="11"/>
      <c r="E34" s="11"/>
      <c r="F34" s="11"/>
      <c r="G34" s="11"/>
      <c r="H34" s="12"/>
      <c r="I34" s="14">
        <v>0</v>
      </c>
      <c r="J34" s="14">
        <v>0</v>
      </c>
      <c r="K34" s="14">
        <v>0</v>
      </c>
      <c r="L34" s="14">
        <v>0</v>
      </c>
      <c r="M34" s="14">
        <v>0</v>
      </c>
      <c r="N34" s="14">
        <v>0</v>
      </c>
      <c r="O34" s="14">
        <v>0</v>
      </c>
    </row>
    <row r="35" spans="2:15" ht="21.95" customHeight="1">
      <c r="B35" s="21" t="s">
        <v>16</v>
      </c>
      <c r="C35" s="22"/>
      <c r="D35" s="22"/>
      <c r="E35" s="22"/>
      <c r="F35" s="22"/>
      <c r="G35" s="22"/>
      <c r="H35" s="23"/>
      <c r="I35" s="14">
        <v>2855747697</v>
      </c>
      <c r="J35" s="14">
        <v>0</v>
      </c>
      <c r="K35" s="14">
        <v>0</v>
      </c>
      <c r="L35" s="14">
        <v>2855747697</v>
      </c>
      <c r="M35" s="14">
        <v>528905589</v>
      </c>
      <c r="N35" s="14">
        <v>62840268</v>
      </c>
      <c r="O35" s="14">
        <v>2326842108</v>
      </c>
    </row>
    <row r="36" spans="2:15" ht="12" customHeight="1"/>
    <row r="37" spans="2:15" ht="21.95" customHeight="1">
      <c r="B37" s="24"/>
      <c r="C37" s="24"/>
      <c r="D37" s="24"/>
      <c r="E37" s="24"/>
      <c r="F37" s="24"/>
      <c r="G37" s="24"/>
      <c r="H37" s="24"/>
      <c r="I37" s="24"/>
      <c r="J37" s="24"/>
      <c r="K37" s="24"/>
      <c r="L37" s="24"/>
      <c r="M37" s="24"/>
      <c r="N37" s="24"/>
      <c r="O37" s="24"/>
    </row>
  </sheetData>
  <mergeCells count="4">
    <mergeCell ref="B8:H9"/>
    <mergeCell ref="B35:H35"/>
    <mergeCell ref="B37:O37"/>
    <mergeCell ref="B5:O6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>
  <documentManagement>
    <_x5bfe__x8c61__x30e6__x30fc__x30b6__x30fc_ xmlns="11024bab-5865-4cd5-8644-80491a500b55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B3E7915481735C4F9E407D9A96546F93" ma:contentTypeVersion="1" ma:contentTypeDescription="新しいドキュメントを作成します。" ma:contentTypeScope="" ma:versionID="f69514e3a2d3955dea364bf7c8f82bcc">
  <xsd:schema xmlns:xsd="http://www.w3.org/2001/XMLSchema" xmlns:p="http://schemas.microsoft.com/office/2006/metadata/properties" xmlns:ns2="11024bab-5865-4cd5-8644-80491a500b55" targetNamespace="http://schemas.microsoft.com/office/2006/metadata/properties" ma:root="true" ma:fieldsID="739817dc48a88ef7c930f8e8e14cd45c" ns2:_="">
    <xsd:import namespace="11024bab-5865-4cd5-8644-80491a500b55"/>
    <xsd:element name="properties">
      <xsd:complexType>
        <xsd:sequence>
          <xsd:element name="documentManagement">
            <xsd:complexType>
              <xsd:all>
                <xsd:element ref="ns2:_x5bfe__x8c61__x30e6__x30fc__x30b6__x30fc_" minOccurs="0"/>
              </xsd:all>
            </xsd:complexType>
          </xsd:element>
        </xsd:sequence>
      </xsd:complexType>
    </xsd:element>
  </xsd:schema>
  <xsd:schema xmlns:xsd="http://www.w3.org/2001/XMLSchema" xmlns:dms="http://schemas.microsoft.com/office/2006/documentManagement/types" targetNamespace="11024bab-5865-4cd5-8644-80491a500b55" elementFormDefault="qualified">
    <xsd:import namespace="http://schemas.microsoft.com/office/2006/documentManagement/types"/>
    <xsd:element name="_x5bfe__x8c61__x30e6__x30fc__x30b6__x30fc_" ma:index="8" nillable="true" ma:displayName="対象ユーザー" ma:internalName="_x5bfe__x8c61__x30e6__x30fc__x30b6__x30fc_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4" ma:displayName="コンテンツ タイプ" ma:readOnly="true"/>
        <xsd:element ref="dc:title" minOccurs="0" maxOccurs="1" ma:index="1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Props1.xml><?xml version="1.0" encoding="utf-8"?>
<ds:datastoreItem xmlns:ds="http://schemas.openxmlformats.org/officeDocument/2006/customXml" ds:itemID="{9913F11E-1694-45D0-901A-A1B4258A4793}">
  <ds:schemaRefs>
    <ds:schemaRef ds:uri="http://purl.org/dc/terms/"/>
    <ds:schemaRef ds:uri="http://purl.org/dc/dcmitype/"/>
    <ds:schemaRef ds:uri="http://schemas.openxmlformats.org/package/2006/metadata/core-properties"/>
    <ds:schemaRef ds:uri="http://www.w3.org/XML/1998/namespace"/>
    <ds:schemaRef ds:uri="http://schemas.microsoft.com/office/2006/documentManagement/types"/>
    <ds:schemaRef ds:uri="http://schemas.microsoft.com/office/2006/metadata/properties"/>
    <ds:schemaRef ds:uri="11024bab-5865-4cd5-8644-80491a500b55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B664E6B9-47FE-4E54-9DB9-1ADA36236DB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5989C886-C2AA-4A8F-AFB5-4C8C4E3281D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1024bab-5865-4cd5-8644-80491a500b55"/>
    <ds:schemaRef ds:uri="http://schemas.microsoft.com/office/2006/documentManagement/typ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注記</vt:lpstr>
      <vt:lpstr>有形固定資産等明細表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矢野　剛史</dc:creator>
  <cp:lastModifiedBy>東尾　佑一</cp:lastModifiedBy>
  <cp:lastPrinted>2016-08-25T04:50:52Z</cp:lastPrinted>
  <dcterms:created xsi:type="dcterms:W3CDTF">2012-08-15T03:25:30Z</dcterms:created>
  <dcterms:modified xsi:type="dcterms:W3CDTF">2017-01-26T06:13:3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対象ユーザー">
    <vt:lpwstr/>
  </property>
</Properties>
</file>